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12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12'!$A$1:$H$6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7" uniqueCount="62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個</t>
  </si>
  <si>
    <t>オイルダンパーロッド（ＨＤ５８４６０４７型）</t>
  </si>
  <si>
    <t>硬質クロムメッキ</t>
  </si>
  <si>
    <t>油切りＭ（１）</t>
  </si>
  <si>
    <t>油切り（３）</t>
  </si>
  <si>
    <t>油切りＴ（１）</t>
  </si>
  <si>
    <t>箇所</t>
  </si>
  <si>
    <t>走行輪車軸（Ｔ）（アウター）</t>
  </si>
  <si>
    <t>走行輪車軸（Ｔ）（インナー）</t>
  </si>
  <si>
    <t>走行輪車軸（Ｍ）（アウター）</t>
  </si>
  <si>
    <t>走行輪車軸（Ｍ）（インナー）</t>
  </si>
  <si>
    <t>本</t>
  </si>
  <si>
    <t>オイルダンパーロッド</t>
  </si>
  <si>
    <t>案内輪車軸（南北線）</t>
  </si>
  <si>
    <t>駆動装置フタ（２）</t>
  </si>
  <si>
    <t>横揺装置</t>
  </si>
  <si>
    <t>ギヤカップリング（Ｍ）</t>
  </si>
  <si>
    <t>油切り（Ｔ）</t>
  </si>
  <si>
    <t>速度発電機用輪心シール受</t>
  </si>
  <si>
    <t>速度発電機用支持腕</t>
  </si>
  <si>
    <t>速度発電機用軸</t>
  </si>
  <si>
    <t>横揺装置用隔金</t>
  </si>
  <si>
    <t>案内輪用カバー</t>
  </si>
  <si>
    <t>案内輪ハブ用スリーブ</t>
  </si>
  <si>
    <t>案内輪車軸（東西・東豊線）</t>
  </si>
  <si>
    <t>補助輪用軸</t>
  </si>
  <si>
    <t>走行輪ハブ（インナー）</t>
  </si>
  <si>
    <t>走行輪ハブ（アウター）</t>
  </si>
  <si>
    <t>走行輪車軸（インナー）</t>
  </si>
  <si>
    <t>走行輪車軸（アウター）</t>
  </si>
  <si>
    <t>車軸シール受</t>
  </si>
  <si>
    <t>車軸支持リンクピン④</t>
  </si>
  <si>
    <t>車軸支持リンクピン③（アウター）</t>
  </si>
  <si>
    <t>車軸支持リンクピン③（インナー）</t>
  </si>
  <si>
    <t>車軸支持リンクピン②（インナー）</t>
  </si>
  <si>
    <t>車軸支持リンクピン②（アウター）</t>
  </si>
  <si>
    <t>車軸支持リンクピン①</t>
  </si>
  <si>
    <t>ドライブシャフト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クロムメッキ加工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１２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9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177" fontId="2" fillId="0" borderId="4" xfId="0" applyNumberFormat="1" applyFont="1" applyBorder="1" applyAlignment="1">
      <alignment vertical="center" shrinkToFit="1"/>
    </xf>
    <xf numFmtId="177" fontId="2" fillId="0" borderId="5" xfId="0" applyNumberFormat="1" applyFont="1" applyBorder="1" applyAlignment="1">
      <alignment horizontal="right" vertical="center" shrinkToFit="1"/>
    </xf>
    <xf numFmtId="0" fontId="7" fillId="0" borderId="6" xfId="0" applyNumberFormat="1" applyFont="1" applyBorder="1" applyAlignment="1">
      <alignment horizontal="center" vertical="center" shrinkToFit="1"/>
    </xf>
    <xf numFmtId="0" fontId="7" fillId="0" borderId="6" xfId="0" applyNumberFormat="1" applyFont="1" applyBorder="1" applyAlignment="1">
      <alignment horizontal="left" vertical="center" shrinkToFit="1"/>
    </xf>
    <xf numFmtId="0" fontId="7" fillId="0" borderId="6" xfId="0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right" vertical="center" shrinkToFit="1"/>
    </xf>
    <xf numFmtId="0" fontId="7" fillId="0" borderId="7" xfId="0" applyNumberFormat="1" applyFont="1" applyBorder="1" applyAlignment="1">
      <alignment horizontal="center" vertical="center" shrinkToFit="1"/>
    </xf>
    <xf numFmtId="0" fontId="7" fillId="0" borderId="7" xfId="0" applyNumberFormat="1" applyFont="1" applyBorder="1" applyAlignment="1">
      <alignment horizontal="left" vertical="center" shrinkToFit="1"/>
    </xf>
    <xf numFmtId="0" fontId="7" fillId="0" borderId="8" xfId="0" applyFont="1" applyBorder="1" applyAlignment="1">
      <alignment horizontal="center"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horizontal="right" vertical="center" shrinkToFit="1"/>
    </xf>
    <xf numFmtId="0" fontId="7" fillId="0" borderId="8" xfId="0" applyNumberFormat="1" applyFont="1" applyBorder="1" applyAlignment="1">
      <alignment horizontal="center" vertical="center" shrinkToFit="1"/>
    </xf>
    <xf numFmtId="0" fontId="7" fillId="0" borderId="8" xfId="0" applyNumberFormat="1" applyFont="1" applyBorder="1" applyAlignment="1">
      <alignment horizontal="left" vertical="center" shrinkToFit="1"/>
    </xf>
    <xf numFmtId="177" fontId="2" fillId="0" borderId="6" xfId="0" applyNumberFormat="1" applyFont="1" applyBorder="1" applyAlignment="1">
      <alignment vertical="center" shrinkToFit="1"/>
    </xf>
    <xf numFmtId="0" fontId="7" fillId="0" borderId="10" xfId="0" applyNumberFormat="1" applyFont="1" applyBorder="1" applyAlignment="1">
      <alignment horizontal="center" vertical="center" shrinkToFit="1"/>
    </xf>
    <xf numFmtId="0" fontId="7" fillId="0" borderId="10" xfId="0" applyNumberFormat="1" applyFont="1" applyBorder="1" applyAlignment="1">
      <alignment horizontal="left" vertical="center" shrinkToFit="1"/>
    </xf>
    <xf numFmtId="177" fontId="2" fillId="0" borderId="6" xfId="0" applyNumberFormat="1" applyFont="1" applyBorder="1" applyAlignment="1">
      <alignment horizontal="right" vertical="center" shrinkToFit="1"/>
    </xf>
    <xf numFmtId="0" fontId="7" fillId="0" borderId="11" xfId="0" applyNumberFormat="1" applyFont="1" applyBorder="1" applyAlignment="1">
      <alignment horizontal="center" vertical="center" shrinkToFit="1"/>
    </xf>
    <xf numFmtId="0" fontId="7" fillId="0" borderId="11" xfId="0" applyNumberFormat="1" applyFont="1" applyBorder="1" applyAlignment="1">
      <alignment horizontal="left" vertical="center" shrinkToFit="1"/>
    </xf>
    <xf numFmtId="177" fontId="2" fillId="0" borderId="5" xfId="0" applyNumberFormat="1" applyFont="1" applyBorder="1" applyAlignment="1">
      <alignment vertical="center" shrinkToFit="1"/>
    </xf>
    <xf numFmtId="177" fontId="2" fillId="0" borderId="10" xfId="0" applyNumberFormat="1" applyFont="1" applyBorder="1" applyAlignment="1">
      <alignment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4" xfId="0" applyNumberFormat="1" applyFont="1" applyBorder="1" applyAlignment="1">
      <alignment horizontal="right" vertical="center" shrinkToFit="1"/>
    </xf>
    <xf numFmtId="0" fontId="7" fillId="0" borderId="14" xfId="0" applyNumberFormat="1" applyFont="1" applyBorder="1" applyAlignment="1">
      <alignment horizontal="center" vertical="center" shrinkToFit="1"/>
    </xf>
    <xf numFmtId="0" fontId="7" fillId="0" borderId="15" xfId="0" applyNumberFormat="1" applyFont="1" applyBorder="1" applyAlignment="1">
      <alignment horizontal="left" vertical="center" shrinkToFit="1"/>
    </xf>
    <xf numFmtId="0" fontId="7" fillId="0" borderId="15" xfId="0" applyNumberFormat="1" applyFont="1" applyBorder="1" applyAlignment="1">
      <alignment horizontal="center" vertical="center" shrinkToFit="1"/>
    </xf>
    <xf numFmtId="0" fontId="7" fillId="0" borderId="14" xfId="0" applyNumberFormat="1" applyFont="1" applyBorder="1" applyAlignment="1">
      <alignment horizontal="left" vertical="center" shrinkToFit="1"/>
    </xf>
    <xf numFmtId="177" fontId="2" fillId="0" borderId="16" xfId="0" applyNumberFormat="1" applyFont="1" applyBorder="1" applyAlignment="1">
      <alignment horizontal="center" vertical="center" shrinkToFit="1"/>
    </xf>
    <xf numFmtId="177" fontId="2" fillId="0" borderId="17" xfId="0" applyNumberFormat="1" applyFont="1" applyBorder="1" applyAlignment="1">
      <alignment horizontal="center" vertical="center" shrinkToFit="1"/>
    </xf>
    <xf numFmtId="0" fontId="2" fillId="0" borderId="14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vertical="center"/>
    </xf>
    <xf numFmtId="0" fontId="10" fillId="0" borderId="19" xfId="0" applyFont="1" applyBorder="1" applyAlignment="1">
      <alignment horizontal="center" vertical="center"/>
    </xf>
    <xf numFmtId="0" fontId="10" fillId="0" borderId="21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176" fontId="12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3" fillId="0" borderId="0" xfId="0" applyFont="1" applyAlignment="1">
      <alignment horizontal="left" vertical="center" shrinkToFit="1"/>
    </xf>
    <xf numFmtId="0" fontId="13" fillId="0" borderId="0" xfId="0" applyFont="1" applyAlignment="1">
      <alignment vertical="center" shrinkToFit="1"/>
    </xf>
    <xf numFmtId="0" fontId="8" fillId="0" borderId="0" xfId="0" applyFont="1" applyAlignment="1">
      <alignment horizontal="center" vertical="center"/>
    </xf>
    <xf numFmtId="38" fontId="11" fillId="0" borderId="20" xfId="1" applyFont="1" applyBorder="1" applyAlignment="1">
      <alignment vertical="center" wrapText="1"/>
    </xf>
    <xf numFmtId="0" fontId="5" fillId="0" borderId="18" xfId="0" applyFont="1" applyBorder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2" fillId="0" borderId="3" xfId="0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5" fillId="0" borderId="0" xfId="0" applyFont="1" applyBorder="1" applyAlignment="1">
      <alignment horizontal="left" wrapText="1"/>
    </xf>
    <xf numFmtId="177" fontId="2" fillId="0" borderId="4" xfId="1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5" xfId="1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6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0</xdr:colOff>
      <xdr:row>6</xdr:row>
      <xdr:rowOff>28575</xdr:rowOff>
    </xdr:from>
    <xdr:to>
      <xdr:col>1</xdr:col>
      <xdr:colOff>342900</xdr:colOff>
      <xdr:row>6</xdr:row>
      <xdr:rowOff>247650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76200" y="1057275"/>
          <a:ext cx="952500" cy="1428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63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1.75" customHeight="1" x14ac:dyDescent="0.15">
      <c r="A1" s="53"/>
      <c r="B1" s="54"/>
      <c r="C1" s="54"/>
      <c r="D1" s="54"/>
      <c r="E1" s="51"/>
      <c r="F1" s="52"/>
      <c r="G1" s="51"/>
      <c r="H1" s="50" t="s">
        <v>61</v>
      </c>
    </row>
    <row r="2" spans="1:10" ht="8.25" customHeight="1" x14ac:dyDescent="0.15">
      <c r="B2" s="49"/>
      <c r="C2" s="49"/>
      <c r="D2" s="47"/>
      <c r="E2" s="47"/>
      <c r="F2" s="48"/>
      <c r="G2" s="47"/>
      <c r="H2" s="47"/>
    </row>
    <row r="3" spans="1:10" ht="32.25" customHeight="1" x14ac:dyDescent="0.15">
      <c r="A3" s="55" t="s">
        <v>60</v>
      </c>
      <c r="B3" s="55"/>
      <c r="C3" s="55"/>
      <c r="D3" s="55"/>
      <c r="E3" s="55"/>
      <c r="F3" s="55"/>
      <c r="G3" s="55"/>
      <c r="H3" s="55"/>
    </row>
    <row r="4" spans="1:10" ht="12" customHeight="1" thickBot="1" x14ac:dyDescent="0.2">
      <c r="A4" s="42"/>
      <c r="B4" s="42"/>
      <c r="C4" s="42"/>
      <c r="D4" s="42"/>
      <c r="E4" s="42"/>
      <c r="F4" s="42"/>
      <c r="G4" s="42"/>
      <c r="H4" s="42"/>
    </row>
    <row r="5" spans="1:10" ht="32.25" customHeight="1" thickBot="1" x14ac:dyDescent="0.2">
      <c r="A5" s="46"/>
      <c r="B5" s="45" t="s">
        <v>59</v>
      </c>
      <c r="C5" s="56"/>
      <c r="D5" s="56"/>
      <c r="E5" s="56"/>
      <c r="F5" s="56"/>
      <c r="G5" s="44" t="s">
        <v>58</v>
      </c>
      <c r="H5" s="42"/>
      <c r="J5" s="43" t="s">
        <v>57</v>
      </c>
    </row>
    <row r="6" spans="1:10" ht="12" customHeight="1" x14ac:dyDescent="0.15">
      <c r="A6" s="42"/>
      <c r="B6" s="42"/>
      <c r="C6" s="42"/>
      <c r="D6" s="42"/>
      <c r="E6" s="42"/>
      <c r="F6" s="42"/>
      <c r="G6" s="42"/>
      <c r="H6" s="42"/>
    </row>
    <row r="7" spans="1:10" ht="24" customHeight="1" x14ac:dyDescent="0.15">
      <c r="A7" s="41"/>
      <c r="B7" s="57" t="s">
        <v>56</v>
      </c>
      <c r="C7" s="57"/>
      <c r="D7" s="57"/>
      <c r="H7" s="40"/>
    </row>
    <row r="8" spans="1:10" ht="21" customHeight="1" x14ac:dyDescent="0.15">
      <c r="A8" s="59" t="s">
        <v>55</v>
      </c>
      <c r="B8" s="60"/>
      <c r="C8" s="59" t="s">
        <v>54</v>
      </c>
      <c r="D8" s="60"/>
      <c r="E8" s="39" t="s">
        <v>53</v>
      </c>
      <c r="F8" s="37" t="s">
        <v>52</v>
      </c>
      <c r="G8" s="38" t="s">
        <v>51</v>
      </c>
      <c r="H8" s="37" t="s">
        <v>50</v>
      </c>
    </row>
    <row r="9" spans="1:10" ht="21" customHeight="1" x14ac:dyDescent="0.15">
      <c r="A9" s="17">
        <v>1</v>
      </c>
      <c r="B9" s="36" t="s">
        <v>14</v>
      </c>
      <c r="C9" s="35">
        <v>1</v>
      </c>
      <c r="D9" s="34" t="s">
        <v>49</v>
      </c>
      <c r="E9" s="33" t="s">
        <v>23</v>
      </c>
      <c r="F9" s="32">
        <v>88</v>
      </c>
      <c r="G9" s="31"/>
      <c r="H9" s="64"/>
    </row>
    <row r="10" spans="1:10" ht="21" customHeight="1" x14ac:dyDescent="0.15">
      <c r="A10" s="17">
        <v>1</v>
      </c>
      <c r="B10" s="16" t="s">
        <v>14</v>
      </c>
      <c r="C10" s="15">
        <v>2</v>
      </c>
      <c r="D10" s="16" t="s">
        <v>48</v>
      </c>
      <c r="E10" s="15" t="s">
        <v>23</v>
      </c>
      <c r="F10" s="14">
        <v>40</v>
      </c>
      <c r="G10" s="9"/>
      <c r="H10" s="64"/>
    </row>
    <row r="11" spans="1:10" ht="21" customHeight="1" x14ac:dyDescent="0.15">
      <c r="A11" s="17">
        <v>1</v>
      </c>
      <c r="B11" s="16" t="s">
        <v>14</v>
      </c>
      <c r="C11" s="15">
        <v>3</v>
      </c>
      <c r="D11" s="16" t="s">
        <v>47</v>
      </c>
      <c r="E11" s="15" t="s">
        <v>23</v>
      </c>
      <c r="F11" s="14">
        <v>74</v>
      </c>
      <c r="G11" s="9"/>
      <c r="H11" s="64"/>
    </row>
    <row r="12" spans="1:10" ht="21" customHeight="1" x14ac:dyDescent="0.15">
      <c r="A12" s="17">
        <v>1</v>
      </c>
      <c r="B12" s="16" t="s">
        <v>14</v>
      </c>
      <c r="C12" s="15">
        <v>4</v>
      </c>
      <c r="D12" s="16" t="s">
        <v>46</v>
      </c>
      <c r="E12" s="15" t="s">
        <v>23</v>
      </c>
      <c r="F12" s="14">
        <v>6</v>
      </c>
      <c r="G12" s="9"/>
      <c r="H12" s="64"/>
    </row>
    <row r="13" spans="1:10" ht="21" customHeight="1" x14ac:dyDescent="0.15">
      <c r="A13" s="13">
        <v>1</v>
      </c>
      <c r="B13" s="12" t="s">
        <v>14</v>
      </c>
      <c r="C13" s="11">
        <v>5</v>
      </c>
      <c r="D13" s="12" t="s">
        <v>45</v>
      </c>
      <c r="E13" s="26" t="s">
        <v>23</v>
      </c>
      <c r="F13" s="25">
        <v>37</v>
      </c>
      <c r="G13" s="30"/>
      <c r="H13" s="65"/>
    </row>
    <row r="14" spans="1:10" ht="21" customHeight="1" x14ac:dyDescent="0.15">
      <c r="A14" s="17">
        <v>1</v>
      </c>
      <c r="B14" s="21" t="s">
        <v>14</v>
      </c>
      <c r="C14" s="20">
        <v>6</v>
      </c>
      <c r="D14" s="21" t="s">
        <v>44</v>
      </c>
      <c r="E14" s="23" t="s">
        <v>23</v>
      </c>
      <c r="F14" s="19">
        <v>6</v>
      </c>
      <c r="G14" s="29"/>
      <c r="H14" s="66"/>
    </row>
    <row r="15" spans="1:10" ht="21" customHeight="1" x14ac:dyDescent="0.15">
      <c r="A15" s="17">
        <v>1</v>
      </c>
      <c r="B15" s="16" t="s">
        <v>14</v>
      </c>
      <c r="C15" s="15">
        <v>7</v>
      </c>
      <c r="D15" s="16" t="s">
        <v>43</v>
      </c>
      <c r="E15" s="15" t="s">
        <v>23</v>
      </c>
      <c r="F15" s="14">
        <v>23</v>
      </c>
      <c r="G15" s="18"/>
      <c r="H15" s="64"/>
    </row>
    <row r="16" spans="1:10" ht="21" customHeight="1" x14ac:dyDescent="0.15">
      <c r="A16" s="17">
        <v>1</v>
      </c>
      <c r="B16" s="16" t="s">
        <v>14</v>
      </c>
      <c r="C16" s="15">
        <v>8</v>
      </c>
      <c r="D16" s="16" t="s">
        <v>42</v>
      </c>
      <c r="E16" s="15" t="s">
        <v>12</v>
      </c>
      <c r="F16" s="14">
        <v>9</v>
      </c>
      <c r="G16" s="9"/>
      <c r="H16" s="64"/>
    </row>
    <row r="17" spans="1:8" ht="21" customHeight="1" x14ac:dyDescent="0.15">
      <c r="A17" s="17">
        <v>1</v>
      </c>
      <c r="B17" s="16" t="s">
        <v>14</v>
      </c>
      <c r="C17" s="15">
        <v>9</v>
      </c>
      <c r="D17" s="16" t="s">
        <v>41</v>
      </c>
      <c r="E17" s="15" t="s">
        <v>23</v>
      </c>
      <c r="F17" s="14">
        <v>27</v>
      </c>
      <c r="G17" s="9"/>
      <c r="H17" s="64"/>
    </row>
    <row r="18" spans="1:8" ht="21" customHeight="1" x14ac:dyDescent="0.15">
      <c r="A18" s="13">
        <v>1</v>
      </c>
      <c r="B18" s="12" t="s">
        <v>14</v>
      </c>
      <c r="C18" s="11">
        <v>10</v>
      </c>
      <c r="D18" s="12" t="s">
        <v>40</v>
      </c>
      <c r="E18" s="11" t="s">
        <v>23</v>
      </c>
      <c r="F18" s="25">
        <v>24</v>
      </c>
      <c r="G18" s="28"/>
      <c r="H18" s="65"/>
    </row>
    <row r="19" spans="1:8" ht="21" customHeight="1" x14ac:dyDescent="0.15">
      <c r="A19" s="17">
        <v>1</v>
      </c>
      <c r="B19" s="21" t="s">
        <v>14</v>
      </c>
      <c r="C19" s="20">
        <v>11</v>
      </c>
      <c r="D19" s="21" t="s">
        <v>39</v>
      </c>
      <c r="E19" s="20" t="s">
        <v>23</v>
      </c>
      <c r="F19" s="19">
        <v>37</v>
      </c>
      <c r="G19" s="18"/>
      <c r="H19" s="66"/>
    </row>
    <row r="20" spans="1:8" ht="21" customHeight="1" x14ac:dyDescent="0.15">
      <c r="A20" s="17">
        <v>1</v>
      </c>
      <c r="B20" s="16" t="s">
        <v>14</v>
      </c>
      <c r="C20" s="15">
        <v>12</v>
      </c>
      <c r="D20" s="16" t="s">
        <v>38</v>
      </c>
      <c r="E20" s="15" t="s">
        <v>23</v>
      </c>
      <c r="F20" s="14">
        <v>29</v>
      </c>
      <c r="G20" s="9"/>
      <c r="H20" s="64"/>
    </row>
    <row r="21" spans="1:8" ht="21" customHeight="1" x14ac:dyDescent="0.15">
      <c r="A21" s="17">
        <v>1</v>
      </c>
      <c r="B21" s="16" t="s">
        <v>14</v>
      </c>
      <c r="C21" s="15">
        <v>13</v>
      </c>
      <c r="D21" s="16" t="s">
        <v>37</v>
      </c>
      <c r="E21" s="15" t="s">
        <v>23</v>
      </c>
      <c r="F21" s="14">
        <v>11</v>
      </c>
      <c r="G21" s="9"/>
      <c r="H21" s="64"/>
    </row>
    <row r="22" spans="1:8" ht="21" customHeight="1" x14ac:dyDescent="0.15">
      <c r="A22" s="17">
        <v>1</v>
      </c>
      <c r="B22" s="16" t="s">
        <v>14</v>
      </c>
      <c r="C22" s="15">
        <v>14</v>
      </c>
      <c r="D22" s="16" t="s">
        <v>36</v>
      </c>
      <c r="E22" s="15" t="s">
        <v>23</v>
      </c>
      <c r="F22" s="14">
        <v>19</v>
      </c>
      <c r="G22" s="9"/>
      <c r="H22" s="64"/>
    </row>
    <row r="23" spans="1:8" ht="21" customHeight="1" x14ac:dyDescent="0.15">
      <c r="A23" s="13">
        <v>1</v>
      </c>
      <c r="B23" s="12" t="s">
        <v>14</v>
      </c>
      <c r="C23" s="11">
        <v>15</v>
      </c>
      <c r="D23" s="27" t="s">
        <v>35</v>
      </c>
      <c r="E23" s="26" t="s">
        <v>12</v>
      </c>
      <c r="F23" s="25">
        <v>6</v>
      </c>
      <c r="G23" s="22"/>
      <c r="H23" s="67"/>
    </row>
    <row r="24" spans="1:8" ht="21" customHeight="1" x14ac:dyDescent="0.15">
      <c r="A24" s="17">
        <v>1</v>
      </c>
      <c r="B24" s="21" t="s">
        <v>14</v>
      </c>
      <c r="C24" s="20">
        <v>16</v>
      </c>
      <c r="D24" s="24" t="s">
        <v>34</v>
      </c>
      <c r="E24" s="23" t="s">
        <v>12</v>
      </c>
      <c r="F24" s="19">
        <v>6</v>
      </c>
      <c r="G24" s="18"/>
      <c r="H24" s="66"/>
    </row>
    <row r="25" spans="1:8" ht="21" customHeight="1" x14ac:dyDescent="0.15">
      <c r="A25" s="17">
        <v>1</v>
      </c>
      <c r="B25" s="16" t="s">
        <v>14</v>
      </c>
      <c r="C25" s="15">
        <v>17</v>
      </c>
      <c r="D25" s="16" t="s">
        <v>33</v>
      </c>
      <c r="E25" s="15" t="s">
        <v>12</v>
      </c>
      <c r="F25" s="14">
        <v>8</v>
      </c>
      <c r="G25" s="9"/>
      <c r="H25" s="64"/>
    </row>
    <row r="26" spans="1:8" ht="21" customHeight="1" x14ac:dyDescent="0.15">
      <c r="A26" s="17">
        <v>1</v>
      </c>
      <c r="B26" s="16" t="s">
        <v>14</v>
      </c>
      <c r="C26" s="15">
        <v>18</v>
      </c>
      <c r="D26" s="16" t="s">
        <v>32</v>
      </c>
      <c r="E26" s="15" t="s">
        <v>23</v>
      </c>
      <c r="F26" s="14">
        <v>4</v>
      </c>
      <c r="G26" s="9"/>
      <c r="H26" s="64"/>
    </row>
    <row r="27" spans="1:8" ht="21" customHeight="1" x14ac:dyDescent="0.15">
      <c r="A27" s="17">
        <v>1</v>
      </c>
      <c r="B27" s="16" t="s">
        <v>14</v>
      </c>
      <c r="C27" s="15">
        <v>19</v>
      </c>
      <c r="D27" s="16" t="s">
        <v>31</v>
      </c>
      <c r="E27" s="15" t="s">
        <v>23</v>
      </c>
      <c r="F27" s="14">
        <v>6</v>
      </c>
      <c r="G27" s="9"/>
      <c r="H27" s="64"/>
    </row>
    <row r="28" spans="1:8" ht="21" customHeight="1" x14ac:dyDescent="0.15">
      <c r="A28" s="13">
        <v>1</v>
      </c>
      <c r="B28" s="12" t="s">
        <v>14</v>
      </c>
      <c r="C28" s="11">
        <v>20</v>
      </c>
      <c r="D28" s="12" t="s">
        <v>30</v>
      </c>
      <c r="E28" s="11" t="s">
        <v>12</v>
      </c>
      <c r="F28" s="25">
        <v>6</v>
      </c>
      <c r="G28" s="28"/>
      <c r="H28" s="67"/>
    </row>
    <row r="29" spans="1:8" ht="21" customHeight="1" x14ac:dyDescent="0.15">
      <c r="A29" s="17">
        <v>1</v>
      </c>
      <c r="B29" s="21" t="s">
        <v>14</v>
      </c>
      <c r="C29" s="20">
        <v>21</v>
      </c>
      <c r="D29" s="21" t="s">
        <v>29</v>
      </c>
      <c r="E29" s="20" t="s">
        <v>12</v>
      </c>
      <c r="F29" s="19">
        <v>6</v>
      </c>
      <c r="G29" s="18"/>
      <c r="H29" s="66"/>
    </row>
    <row r="30" spans="1:8" ht="21" customHeight="1" x14ac:dyDescent="0.15">
      <c r="A30" s="17">
        <v>1</v>
      </c>
      <c r="B30" s="16" t="s">
        <v>14</v>
      </c>
      <c r="C30" s="15">
        <v>22</v>
      </c>
      <c r="D30" s="16" t="s">
        <v>28</v>
      </c>
      <c r="E30" s="15" t="s">
        <v>12</v>
      </c>
      <c r="F30" s="14">
        <v>282</v>
      </c>
      <c r="G30" s="9"/>
      <c r="H30" s="64"/>
    </row>
    <row r="31" spans="1:8" ht="21" customHeight="1" x14ac:dyDescent="0.15">
      <c r="A31" s="17">
        <v>1</v>
      </c>
      <c r="B31" s="16" t="s">
        <v>14</v>
      </c>
      <c r="C31" s="15">
        <v>23</v>
      </c>
      <c r="D31" s="16" t="s">
        <v>27</v>
      </c>
      <c r="E31" s="15" t="s">
        <v>12</v>
      </c>
      <c r="F31" s="14">
        <v>4</v>
      </c>
      <c r="G31" s="9"/>
      <c r="H31" s="64"/>
    </row>
    <row r="32" spans="1:8" ht="21" customHeight="1" x14ac:dyDescent="0.15">
      <c r="A32" s="17">
        <v>1</v>
      </c>
      <c r="B32" s="16" t="s">
        <v>14</v>
      </c>
      <c r="C32" s="15">
        <v>24</v>
      </c>
      <c r="D32" s="16" t="s">
        <v>26</v>
      </c>
      <c r="E32" s="15" t="s">
        <v>12</v>
      </c>
      <c r="F32" s="14">
        <v>6</v>
      </c>
      <c r="G32" s="9"/>
      <c r="H32" s="64"/>
    </row>
    <row r="33" spans="1:8" ht="21" customHeight="1" x14ac:dyDescent="0.15">
      <c r="A33" s="13">
        <v>1</v>
      </c>
      <c r="B33" s="12" t="s">
        <v>14</v>
      </c>
      <c r="C33" s="11">
        <v>25</v>
      </c>
      <c r="D33" s="27" t="s">
        <v>25</v>
      </c>
      <c r="E33" s="26" t="s">
        <v>23</v>
      </c>
      <c r="F33" s="25">
        <v>100</v>
      </c>
      <c r="G33" s="22"/>
      <c r="H33" s="67"/>
    </row>
    <row r="34" spans="1:8" ht="21" customHeight="1" x14ac:dyDescent="0.15">
      <c r="A34" s="17">
        <v>1</v>
      </c>
      <c r="B34" s="21" t="s">
        <v>14</v>
      </c>
      <c r="C34" s="20">
        <v>26</v>
      </c>
      <c r="D34" s="24" t="s">
        <v>24</v>
      </c>
      <c r="E34" s="23" t="s">
        <v>23</v>
      </c>
      <c r="F34" s="19">
        <v>60</v>
      </c>
      <c r="G34" s="18"/>
      <c r="H34" s="66"/>
    </row>
    <row r="35" spans="1:8" ht="21" customHeight="1" x14ac:dyDescent="0.15">
      <c r="A35" s="17">
        <v>1</v>
      </c>
      <c r="B35" s="16" t="s">
        <v>14</v>
      </c>
      <c r="C35" s="15">
        <v>27</v>
      </c>
      <c r="D35" s="16" t="s">
        <v>22</v>
      </c>
      <c r="E35" s="15" t="s">
        <v>18</v>
      </c>
      <c r="F35" s="14">
        <v>20</v>
      </c>
      <c r="G35" s="9"/>
      <c r="H35" s="64"/>
    </row>
    <row r="36" spans="1:8" ht="21" customHeight="1" x14ac:dyDescent="0.15">
      <c r="A36" s="17">
        <v>1</v>
      </c>
      <c r="B36" s="16" t="s">
        <v>14</v>
      </c>
      <c r="C36" s="15">
        <v>28</v>
      </c>
      <c r="D36" s="16" t="s">
        <v>21</v>
      </c>
      <c r="E36" s="15" t="s">
        <v>18</v>
      </c>
      <c r="F36" s="14">
        <v>20</v>
      </c>
      <c r="G36" s="9"/>
      <c r="H36" s="64"/>
    </row>
    <row r="37" spans="1:8" ht="21" customHeight="1" x14ac:dyDescent="0.15">
      <c r="A37" s="17">
        <v>1</v>
      </c>
      <c r="B37" s="16" t="s">
        <v>14</v>
      </c>
      <c r="C37" s="15">
        <v>29</v>
      </c>
      <c r="D37" s="16" t="s">
        <v>20</v>
      </c>
      <c r="E37" s="15" t="s">
        <v>18</v>
      </c>
      <c r="F37" s="14">
        <v>20</v>
      </c>
      <c r="G37" s="9"/>
      <c r="H37" s="64"/>
    </row>
    <row r="38" spans="1:8" ht="21" customHeight="1" x14ac:dyDescent="0.15">
      <c r="A38" s="13">
        <v>1</v>
      </c>
      <c r="B38" s="12" t="s">
        <v>14</v>
      </c>
      <c r="C38" s="11">
        <v>30</v>
      </c>
      <c r="D38" s="12" t="s">
        <v>19</v>
      </c>
      <c r="E38" s="11" t="s">
        <v>18</v>
      </c>
      <c r="F38" s="10">
        <v>20</v>
      </c>
      <c r="G38" s="22"/>
      <c r="H38" s="67"/>
    </row>
    <row r="39" spans="1:8" ht="21" customHeight="1" x14ac:dyDescent="0.15">
      <c r="A39" s="17">
        <v>1</v>
      </c>
      <c r="B39" s="21" t="s">
        <v>14</v>
      </c>
      <c r="C39" s="20">
        <v>31</v>
      </c>
      <c r="D39" s="21" t="s">
        <v>17</v>
      </c>
      <c r="E39" s="20" t="s">
        <v>12</v>
      </c>
      <c r="F39" s="19">
        <v>10</v>
      </c>
      <c r="G39" s="18"/>
      <c r="H39" s="66"/>
    </row>
    <row r="40" spans="1:8" ht="21" customHeight="1" x14ac:dyDescent="0.15">
      <c r="A40" s="17">
        <v>1</v>
      </c>
      <c r="B40" s="16" t="s">
        <v>14</v>
      </c>
      <c r="C40" s="15">
        <v>32</v>
      </c>
      <c r="D40" s="16" t="s">
        <v>16</v>
      </c>
      <c r="E40" s="15" t="s">
        <v>12</v>
      </c>
      <c r="F40" s="14">
        <v>10</v>
      </c>
      <c r="G40" s="9"/>
      <c r="H40" s="64"/>
    </row>
    <row r="41" spans="1:8" ht="21" customHeight="1" x14ac:dyDescent="0.15">
      <c r="A41" s="17">
        <v>1</v>
      </c>
      <c r="B41" s="16" t="s">
        <v>14</v>
      </c>
      <c r="C41" s="15">
        <v>33</v>
      </c>
      <c r="D41" s="16" t="s">
        <v>15</v>
      </c>
      <c r="E41" s="15" t="s">
        <v>12</v>
      </c>
      <c r="F41" s="14">
        <v>48</v>
      </c>
      <c r="G41" s="9"/>
      <c r="H41" s="64"/>
    </row>
    <row r="42" spans="1:8" ht="21" customHeight="1" x14ac:dyDescent="0.15">
      <c r="A42" s="17">
        <v>1</v>
      </c>
      <c r="B42" s="16" t="s">
        <v>14</v>
      </c>
      <c r="C42" s="15">
        <v>34</v>
      </c>
      <c r="D42" s="16" t="s">
        <v>13</v>
      </c>
      <c r="E42" s="15" t="s">
        <v>12</v>
      </c>
      <c r="F42" s="14">
        <v>15</v>
      </c>
      <c r="G42" s="9"/>
      <c r="H42" s="64"/>
    </row>
    <row r="43" spans="1:8" ht="21" customHeight="1" x14ac:dyDescent="0.15">
      <c r="A43" s="13"/>
      <c r="B43" s="12"/>
      <c r="C43" s="11"/>
      <c r="D43" s="12"/>
      <c r="E43" s="11"/>
      <c r="F43" s="10"/>
      <c r="G43" s="22"/>
      <c r="H43" s="67"/>
    </row>
    <row r="44" spans="1:8" ht="21" customHeight="1" x14ac:dyDescent="0.15">
      <c r="A44" s="17"/>
      <c r="B44" s="21"/>
      <c r="C44" s="20"/>
      <c r="D44" s="21"/>
      <c r="E44" s="20"/>
      <c r="F44" s="19"/>
      <c r="G44" s="18"/>
      <c r="H44" s="66"/>
    </row>
    <row r="45" spans="1:8" ht="21" customHeight="1" x14ac:dyDescent="0.15">
      <c r="A45" s="17"/>
      <c r="B45" s="16"/>
      <c r="C45" s="15"/>
      <c r="D45" s="16"/>
      <c r="E45" s="15"/>
      <c r="F45" s="14"/>
      <c r="G45" s="9"/>
      <c r="H45" s="64"/>
    </row>
    <row r="46" spans="1:8" ht="21" customHeight="1" x14ac:dyDescent="0.15">
      <c r="A46" s="17"/>
      <c r="B46" s="16"/>
      <c r="C46" s="15"/>
      <c r="D46" s="16"/>
      <c r="E46" s="15"/>
      <c r="F46" s="14"/>
      <c r="G46" s="9"/>
      <c r="H46" s="64"/>
    </row>
    <row r="47" spans="1:8" ht="21" customHeight="1" x14ac:dyDescent="0.15">
      <c r="A47" s="17"/>
      <c r="B47" s="16"/>
      <c r="C47" s="15"/>
      <c r="D47" s="16"/>
      <c r="E47" s="15"/>
      <c r="F47" s="14"/>
      <c r="G47" s="9"/>
      <c r="H47" s="64"/>
    </row>
    <row r="48" spans="1:8" ht="21" customHeight="1" thickBot="1" x14ac:dyDescent="0.2">
      <c r="A48" s="13"/>
      <c r="B48" s="12"/>
      <c r="C48" s="11"/>
      <c r="D48" s="12"/>
      <c r="E48" s="11"/>
      <c r="F48" s="10"/>
      <c r="G48" s="9"/>
      <c r="H48" s="64"/>
    </row>
    <row r="49" spans="1:8" ht="21" customHeight="1" thickBot="1" x14ac:dyDescent="0.2">
      <c r="A49" s="61" t="s">
        <v>11</v>
      </c>
      <c r="B49" s="62"/>
      <c r="C49" s="62"/>
      <c r="D49" s="62"/>
      <c r="E49" s="62"/>
      <c r="F49" s="62"/>
      <c r="G49" s="62"/>
      <c r="H49" s="68"/>
    </row>
    <row r="50" spans="1:8" ht="20.25" customHeight="1" x14ac:dyDescent="0.15">
      <c r="A50" s="63" t="s">
        <v>10</v>
      </c>
      <c r="B50" s="63"/>
      <c r="C50" s="63"/>
      <c r="D50" s="63"/>
      <c r="E50" s="63"/>
      <c r="F50" s="63"/>
      <c r="G50" s="63"/>
      <c r="H50" s="63"/>
    </row>
    <row r="51" spans="1:8" ht="20.25" customHeight="1" x14ac:dyDescent="0.15">
      <c r="A51" s="63"/>
      <c r="B51" s="63"/>
      <c r="C51" s="63"/>
      <c r="D51" s="63"/>
      <c r="E51" s="63"/>
      <c r="F51" s="63"/>
      <c r="G51" s="63"/>
      <c r="H51" s="63"/>
    </row>
    <row r="52" spans="1:8" ht="17.25" x14ac:dyDescent="0.15">
      <c r="A52" s="6"/>
      <c r="B52" s="6"/>
      <c r="C52" s="6"/>
      <c r="D52" s="6"/>
      <c r="E52" s="6"/>
      <c r="F52" s="6"/>
      <c r="G52" s="7" t="s">
        <v>9</v>
      </c>
      <c r="H52" s="6"/>
    </row>
    <row r="53" spans="1:8" ht="17.25" x14ac:dyDescent="0.15">
      <c r="A53" s="6"/>
      <c r="B53" s="6" t="s">
        <v>8</v>
      </c>
      <c r="C53" s="6"/>
      <c r="D53" s="6"/>
      <c r="E53" s="6"/>
      <c r="F53" s="6"/>
      <c r="G53" s="6"/>
      <c r="H53" s="6"/>
    </row>
    <row r="54" spans="1:8" ht="17.25" x14ac:dyDescent="0.15">
      <c r="A54" s="6"/>
      <c r="B54" s="8" t="s">
        <v>7</v>
      </c>
      <c r="C54" s="6"/>
      <c r="D54" s="6"/>
      <c r="E54" s="6"/>
      <c r="F54" s="6"/>
      <c r="G54" s="6"/>
      <c r="H54" s="6"/>
    </row>
    <row r="55" spans="1:8" ht="17.25" x14ac:dyDescent="0.15">
      <c r="A55" s="6"/>
      <c r="B55" s="6"/>
      <c r="C55" s="6"/>
      <c r="D55" s="7" t="s">
        <v>6</v>
      </c>
      <c r="E55" s="6"/>
      <c r="F55" s="6"/>
      <c r="G55" s="6"/>
      <c r="H55" s="6"/>
    </row>
    <row r="56" spans="1:8" ht="17.25" x14ac:dyDescent="0.15">
      <c r="A56" s="6"/>
      <c r="B56" s="6"/>
      <c r="C56" s="6"/>
      <c r="D56" s="7" t="s">
        <v>5</v>
      </c>
      <c r="E56" s="6"/>
      <c r="F56" s="6"/>
      <c r="G56" s="6"/>
      <c r="H56" s="7" t="s">
        <v>2</v>
      </c>
    </row>
    <row r="57" spans="1:8" ht="17.25" x14ac:dyDescent="0.15">
      <c r="A57" s="6"/>
      <c r="B57" s="6"/>
      <c r="C57" s="6"/>
      <c r="D57" s="7" t="s">
        <v>4</v>
      </c>
      <c r="E57" s="6"/>
      <c r="F57" s="6"/>
      <c r="G57" s="6"/>
      <c r="H57" s="6"/>
    </row>
    <row r="58" spans="1:8" ht="17.25" x14ac:dyDescent="0.15">
      <c r="A58" s="1"/>
      <c r="B58" s="4"/>
      <c r="C58" s="4"/>
      <c r="D58" s="4"/>
      <c r="E58" s="4"/>
      <c r="F58" s="5"/>
      <c r="G58" s="4"/>
      <c r="H58" s="4"/>
    </row>
    <row r="59" spans="1:8" ht="17.25" x14ac:dyDescent="0.15">
      <c r="A59" s="1"/>
      <c r="B59" s="4"/>
      <c r="C59" s="4"/>
      <c r="D59" s="7" t="s">
        <v>3</v>
      </c>
      <c r="E59" s="6"/>
      <c r="F59" s="5"/>
      <c r="G59" s="4"/>
      <c r="H59" s="7" t="s">
        <v>2</v>
      </c>
    </row>
    <row r="60" spans="1:8" ht="17.25" x14ac:dyDescent="0.15">
      <c r="B60" s="4"/>
      <c r="C60" s="4"/>
      <c r="D60" s="4"/>
      <c r="E60" s="6"/>
      <c r="F60" s="5"/>
      <c r="G60" s="4"/>
      <c r="H60" s="4"/>
    </row>
    <row r="62" spans="1:8" ht="20.100000000000001" customHeight="1" x14ac:dyDescent="0.15">
      <c r="A62" s="58" t="s">
        <v>1</v>
      </c>
      <c r="B62" s="58"/>
      <c r="C62" s="58"/>
      <c r="D62" s="58"/>
      <c r="E62" s="58"/>
      <c r="F62" s="58"/>
      <c r="G62" s="58"/>
      <c r="H62" s="58"/>
    </row>
    <row r="63" spans="1:8" ht="20.100000000000001" customHeight="1" x14ac:dyDescent="0.15">
      <c r="A63" s="58" t="s">
        <v>0</v>
      </c>
      <c r="B63" s="58"/>
      <c r="C63" s="58"/>
      <c r="D63" s="58"/>
      <c r="E63" s="58"/>
      <c r="F63" s="58"/>
      <c r="G63" s="58"/>
      <c r="H63" s="58"/>
    </row>
  </sheetData>
  <dataConsolidate/>
  <mergeCells count="10">
    <mergeCell ref="A63:H63"/>
    <mergeCell ref="A8:B8"/>
    <mergeCell ref="C8:D8"/>
    <mergeCell ref="A49:G49"/>
    <mergeCell ref="A50:H51"/>
    <mergeCell ref="B1:D1"/>
    <mergeCell ref="A3:H3"/>
    <mergeCell ref="C5:F5"/>
    <mergeCell ref="B7:D7"/>
    <mergeCell ref="A62:H62"/>
  </mergeCells>
  <phoneticPr fontId="3"/>
  <conditionalFormatting sqref="A9:A48 A50">
    <cfRule type="expression" dxfId="5" priority="6" stopIfTrue="1">
      <formula>ISERROR(B9)</formula>
    </cfRule>
  </conditionalFormatting>
  <conditionalFormatting sqref="B9:F48">
    <cfRule type="expression" dxfId="4" priority="5" stopIfTrue="1">
      <formula>ISERROR(B9)</formula>
    </cfRule>
  </conditionalFormatting>
  <conditionalFormatting sqref="A49">
    <cfRule type="expression" dxfId="3" priority="4" stopIfTrue="1">
      <formula>ISERROR(B49)</formula>
    </cfRule>
  </conditionalFormatting>
  <conditionalFormatting sqref="H49">
    <cfRule type="expression" dxfId="2" priority="3" stopIfTrue="1">
      <formula>ISERROR(H49)</formula>
    </cfRule>
  </conditionalFormatting>
  <conditionalFormatting sqref="G9:H37">
    <cfRule type="expression" dxfId="1" priority="2" stopIfTrue="1">
      <formula>ISERROR(G9)</formula>
    </cfRule>
  </conditionalFormatting>
  <conditionalFormatting sqref="G38:H48">
    <cfRule type="expression" dxfId="0" priority="1" stopIfTrue="1">
      <formula>ISERROR(G38)</formula>
    </cfRule>
  </conditionalFormatting>
  <pageMargins left="0.98425196850393704" right="0.19685039370078741" top="0.35433070866141736" bottom="0.19685039370078741" header="0.35433070866141736" footer="0.19685039370078741"/>
  <pageSetup paperSize="9" scale="69" orientation="portrait" verticalDpi="400" copies="2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2</vt:lpstr>
      <vt:lpstr>'212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48:51Z</dcterms:created>
  <dcterms:modified xsi:type="dcterms:W3CDTF">2022-03-01T11:56:49Z</dcterms:modified>
</cp:coreProperties>
</file>